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４.　財政\ＸＬＳ\"/>
    </mc:Choice>
  </mc:AlternateContent>
  <bookViews>
    <workbookView xWindow="0" yWindow="0" windowWidth="20490" windowHeight="7185"/>
  </bookViews>
  <sheets>
    <sheet name="繰入額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繰入額!$A$1:$Q$4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3" uniqueCount="55">
  <si>
    <t>４.財政（２）　一人当たり一般会計繰入金（その他）の推移</t>
    <phoneticPr fontId="4"/>
  </si>
  <si>
    <t>保険者名</t>
  </si>
  <si>
    <t>24年度</t>
    <phoneticPr fontId="4"/>
  </si>
  <si>
    <t>25年度</t>
    <phoneticPr fontId="4"/>
  </si>
  <si>
    <t>26年度</t>
    <phoneticPr fontId="4"/>
  </si>
  <si>
    <t>27年度</t>
    <phoneticPr fontId="4"/>
  </si>
  <si>
    <t>28年度</t>
    <phoneticPr fontId="4"/>
  </si>
  <si>
    <t>繰入額</t>
  </si>
  <si>
    <t>順</t>
  </si>
  <si>
    <t>23→24</t>
  </si>
  <si>
    <t>24→25</t>
  </si>
  <si>
    <t>25→26</t>
  </si>
  <si>
    <t>26→27</t>
    <phoneticPr fontId="4"/>
  </si>
  <si>
    <t>27→28</t>
    <phoneticPr fontId="4"/>
  </si>
  <si>
    <t>（円）</t>
  </si>
  <si>
    <t>伸率%</t>
  </si>
  <si>
    <t>位</t>
    <phoneticPr fontId="4"/>
  </si>
  <si>
    <t>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>－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市    平    均</t>
    <rPh sb="5" eb="6">
      <t>ヒラ</t>
    </rPh>
    <rPh sb="10" eb="11">
      <t>ヒトシ</t>
    </rPh>
    <phoneticPr fontId="4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9"/>
  </si>
  <si>
    <t>市町村平均</t>
    <rPh sb="0" eb="3">
      <t>シチョウソン</t>
    </rPh>
    <rPh sb="3" eb="5">
      <t>ヘイキン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);[Red]\(#,##0\)"/>
    <numFmt numFmtId="177" formatCode="0_);[Red]\(0\)"/>
  </numFmts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name val="ＭＳ ゴシック"/>
      <family val="3"/>
      <charset val="128"/>
    </font>
    <font>
      <sz val="9"/>
      <color indexed="8"/>
      <name val="ＭＳ Ｐゴシック"/>
      <family val="3"/>
      <charset val="128"/>
    </font>
    <font>
      <sz val="14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6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146">
    <xf numFmtId="0" fontId="0" fillId="0" borderId="0" xfId="0"/>
    <xf numFmtId="49" fontId="2" fillId="0" borderId="0" xfId="1" applyNumberFormat="1" applyFont="1"/>
    <xf numFmtId="38" fontId="5" fillId="0" borderId="0" xfId="1" applyFont="1"/>
    <xf numFmtId="38" fontId="6" fillId="0" borderId="0" xfId="1" applyFont="1" applyBorder="1" applyAlignment="1">
      <alignment horizontal="center"/>
    </xf>
    <xf numFmtId="38" fontId="5" fillId="0" borderId="9" xfId="1" quotePrefix="1" applyFont="1" applyBorder="1" applyAlignment="1">
      <alignment horizontal="center"/>
    </xf>
    <xf numFmtId="38" fontId="5" fillId="0" borderId="10" xfId="1" quotePrefix="1" applyFont="1" applyBorder="1" applyAlignment="1">
      <alignment horizontal="center"/>
    </xf>
    <xf numFmtId="38" fontId="5" fillId="0" borderId="0" xfId="1" applyFont="1" applyBorder="1" applyAlignment="1">
      <alignment horizontal="center"/>
    </xf>
    <xf numFmtId="38" fontId="5" fillId="0" borderId="11" xfId="1" applyFont="1" applyBorder="1" applyAlignment="1">
      <alignment horizontal="center"/>
    </xf>
    <xf numFmtId="38" fontId="5" fillId="0" borderId="9" xfId="1" applyFont="1" applyBorder="1" applyAlignment="1">
      <alignment horizontal="center"/>
    </xf>
    <xf numFmtId="38" fontId="5" fillId="0" borderId="0" xfId="1" quotePrefix="1" applyFont="1" applyBorder="1" applyAlignment="1">
      <alignment horizontal="center"/>
    </xf>
    <xf numFmtId="38" fontId="5" fillId="0" borderId="13" xfId="1" quotePrefix="1" applyFont="1" applyBorder="1" applyAlignment="1">
      <alignment horizontal="center"/>
    </xf>
    <xf numFmtId="38" fontId="5" fillId="0" borderId="11" xfId="1" quotePrefix="1" applyFont="1" applyBorder="1" applyAlignment="1">
      <alignment horizontal="center"/>
    </xf>
    <xf numFmtId="38" fontId="5" fillId="0" borderId="14" xfId="1" quotePrefix="1" applyFont="1" applyBorder="1" applyAlignment="1">
      <alignment horizontal="center"/>
    </xf>
    <xf numFmtId="38" fontId="5" fillId="0" borderId="15" xfId="1" quotePrefix="1" applyFont="1" applyBorder="1" applyAlignment="1">
      <alignment horizontal="center"/>
    </xf>
    <xf numFmtId="38" fontId="5" fillId="0" borderId="16" xfId="1" quotePrefix="1" applyFont="1" applyBorder="1" applyAlignment="1">
      <alignment horizontal="center"/>
    </xf>
    <xf numFmtId="38" fontId="5" fillId="0" borderId="19" xfId="1" applyFont="1" applyBorder="1" applyAlignment="1">
      <alignment horizontal="center"/>
    </xf>
    <xf numFmtId="38" fontId="5" fillId="0" borderId="20" xfId="1" applyFont="1" applyBorder="1" applyAlignment="1">
      <alignment horizontal="center"/>
    </xf>
    <xf numFmtId="38" fontId="5" fillId="0" borderId="20" xfId="1" applyFont="1" applyBorder="1" applyAlignment="1">
      <alignment horizontal="centerContinuous"/>
    </xf>
    <xf numFmtId="38" fontId="5" fillId="0" borderId="22" xfId="1" applyFont="1" applyBorder="1" applyAlignment="1">
      <alignment horizontal="centerContinuous"/>
    </xf>
    <xf numFmtId="38" fontId="5" fillId="0" borderId="23" xfId="1" applyFont="1" applyBorder="1" applyAlignment="1">
      <alignment horizontal="centerContinuous"/>
    </xf>
    <xf numFmtId="38" fontId="5" fillId="0" borderId="24" xfId="1" applyFont="1" applyBorder="1" applyAlignment="1">
      <alignment horizontal="centerContinuous"/>
    </xf>
    <xf numFmtId="38" fontId="5" fillId="0" borderId="24" xfId="1" applyFont="1" applyBorder="1" applyAlignment="1">
      <alignment horizontal="center"/>
    </xf>
    <xf numFmtId="38" fontId="5" fillId="0" borderId="22" xfId="1" applyFont="1" applyBorder="1" applyAlignment="1">
      <alignment horizontal="center"/>
    </xf>
    <xf numFmtId="38" fontId="5" fillId="0" borderId="25" xfId="1" applyFont="1" applyBorder="1" applyAlignment="1">
      <alignment horizontal="centerContinuous"/>
    </xf>
    <xf numFmtId="38" fontId="5" fillId="0" borderId="7" xfId="1" applyFont="1" applyBorder="1"/>
    <xf numFmtId="38" fontId="7" fillId="0" borderId="26" xfId="1" applyFont="1" applyBorder="1"/>
    <xf numFmtId="40" fontId="5" fillId="0" borderId="29" xfId="1" applyNumberFormat="1" applyFont="1" applyBorder="1"/>
    <xf numFmtId="38" fontId="5" fillId="0" borderId="28" xfId="1" applyFont="1" applyBorder="1" applyAlignment="1"/>
    <xf numFmtId="176" fontId="5" fillId="0" borderId="30" xfId="1" applyNumberFormat="1" applyFont="1" applyBorder="1"/>
    <xf numFmtId="177" fontId="5" fillId="0" borderId="32" xfId="1" applyNumberFormat="1" applyFont="1" applyBorder="1"/>
    <xf numFmtId="38" fontId="5" fillId="0" borderId="27" xfId="2" applyFont="1" applyBorder="1"/>
    <xf numFmtId="38" fontId="5" fillId="0" borderId="28" xfId="2" applyFont="1" applyBorder="1" applyAlignment="1"/>
    <xf numFmtId="176" fontId="5" fillId="0" borderId="31" xfId="2" applyNumberFormat="1" applyFont="1" applyBorder="1"/>
    <xf numFmtId="176" fontId="5" fillId="0" borderId="30" xfId="2" applyNumberFormat="1" applyFont="1" applyBorder="1"/>
    <xf numFmtId="38" fontId="5" fillId="0" borderId="31" xfId="1" applyFont="1" applyBorder="1"/>
    <xf numFmtId="40" fontId="5" fillId="0" borderId="29" xfId="1" applyNumberFormat="1" applyFont="1" applyBorder="1" applyAlignment="1">
      <alignment horizontal="center"/>
    </xf>
    <xf numFmtId="38" fontId="5" fillId="0" borderId="35" xfId="1" applyFont="1" applyBorder="1"/>
    <xf numFmtId="38" fontId="7" fillId="0" borderId="36" xfId="1" applyFont="1" applyBorder="1"/>
    <xf numFmtId="38" fontId="5" fillId="0" borderId="38" xfId="1" applyFont="1" applyBorder="1" applyAlignment="1"/>
    <xf numFmtId="176" fontId="5" fillId="0" borderId="41" xfId="1" applyNumberFormat="1" applyFont="1" applyBorder="1"/>
    <xf numFmtId="177" fontId="5" fillId="0" borderId="42" xfId="1" applyNumberFormat="1" applyFont="1" applyBorder="1"/>
    <xf numFmtId="38" fontId="5" fillId="0" borderId="37" xfId="2" applyFont="1" applyBorder="1"/>
    <xf numFmtId="38" fontId="5" fillId="0" borderId="38" xfId="2" applyFont="1" applyBorder="1" applyAlignment="1"/>
    <xf numFmtId="176" fontId="5" fillId="0" borderId="40" xfId="2" applyNumberFormat="1" applyFont="1" applyBorder="1"/>
    <xf numFmtId="176" fontId="5" fillId="0" borderId="41" xfId="2" applyNumberFormat="1" applyFont="1" applyBorder="1"/>
    <xf numFmtId="38" fontId="5" fillId="0" borderId="40" xfId="1" applyFont="1" applyBorder="1"/>
    <xf numFmtId="38" fontId="5" fillId="0" borderId="20" xfId="1" applyFont="1" applyBorder="1" applyAlignment="1"/>
    <xf numFmtId="38" fontId="5" fillId="0" borderId="29" xfId="1" quotePrefix="1" applyFont="1" applyBorder="1" applyAlignment="1">
      <alignment horizontal="center"/>
    </xf>
    <xf numFmtId="176" fontId="5" fillId="0" borderId="22" xfId="1" quotePrefix="1" applyNumberFormat="1" applyFont="1" applyBorder="1" applyAlignment="1">
      <alignment horizontal="right"/>
    </xf>
    <xf numFmtId="177" fontId="5" fillId="0" borderId="23" xfId="1" quotePrefix="1" applyNumberFormat="1" applyFont="1" applyBorder="1" applyAlignment="1">
      <alignment horizontal="right"/>
    </xf>
    <xf numFmtId="38" fontId="5" fillId="0" borderId="21" xfId="2" applyFont="1" applyBorder="1"/>
    <xf numFmtId="38" fontId="5" fillId="0" borderId="20" xfId="2" applyFont="1" applyBorder="1" applyAlignment="1"/>
    <xf numFmtId="176" fontId="5" fillId="0" borderId="24" xfId="2" applyNumberFormat="1" applyFont="1" applyBorder="1"/>
    <xf numFmtId="176" fontId="5" fillId="0" borderId="22" xfId="2" applyNumberFormat="1" applyFont="1" applyBorder="1"/>
    <xf numFmtId="38" fontId="5" fillId="0" borderId="24" xfId="1" applyFont="1" applyBorder="1"/>
    <xf numFmtId="176" fontId="5" fillId="0" borderId="22" xfId="1" applyNumberFormat="1" applyFont="1" applyBorder="1"/>
    <xf numFmtId="177" fontId="5" fillId="0" borderId="23" xfId="1" applyNumberFormat="1" applyFont="1" applyBorder="1"/>
    <xf numFmtId="176" fontId="5" fillId="0" borderId="30" xfId="1" quotePrefix="1" applyNumberFormat="1" applyFont="1" applyBorder="1" applyAlignment="1">
      <alignment horizontal="right"/>
    </xf>
    <xf numFmtId="177" fontId="5" fillId="0" borderId="32" xfId="1" quotePrefix="1" applyNumberFormat="1" applyFont="1" applyBorder="1" applyAlignment="1">
      <alignment horizontal="right"/>
    </xf>
    <xf numFmtId="176" fontId="5" fillId="0" borderId="30" xfId="1" applyNumberFormat="1" applyFont="1" applyBorder="1" applyAlignment="1">
      <alignment horizontal="right"/>
    </xf>
    <xf numFmtId="177" fontId="5" fillId="0" borderId="32" xfId="1" applyNumberFormat="1" applyFont="1" applyBorder="1" applyAlignment="1">
      <alignment horizontal="center"/>
    </xf>
    <xf numFmtId="38" fontId="5" fillId="0" borderId="31" xfId="2" applyFont="1" applyBorder="1"/>
    <xf numFmtId="176" fontId="5" fillId="0" borderId="31" xfId="2" quotePrefix="1" applyNumberFormat="1" applyFont="1" applyBorder="1" applyAlignment="1">
      <alignment horizontal="right"/>
    </xf>
    <xf numFmtId="176" fontId="5" fillId="0" borderId="30" xfId="2" quotePrefix="1" applyNumberFormat="1" applyFont="1" applyBorder="1" applyAlignment="1">
      <alignment horizontal="center"/>
    </xf>
    <xf numFmtId="177" fontId="5" fillId="0" borderId="32" xfId="1" quotePrefix="1" applyNumberFormat="1" applyFont="1" applyBorder="1" applyAlignment="1">
      <alignment horizontal="center"/>
    </xf>
    <xf numFmtId="40" fontId="5" fillId="0" borderId="29" xfId="1" quotePrefix="1" applyNumberFormat="1" applyFont="1" applyBorder="1" applyAlignment="1">
      <alignment horizontal="center"/>
    </xf>
    <xf numFmtId="176" fontId="5" fillId="0" borderId="40" xfId="2" quotePrefix="1" applyNumberFormat="1" applyFont="1" applyBorder="1" applyAlignment="1">
      <alignment horizontal="right"/>
    </xf>
    <xf numFmtId="176" fontId="5" fillId="0" borderId="41" xfId="2" quotePrefix="1" applyNumberFormat="1" applyFont="1" applyBorder="1" applyAlignment="1">
      <alignment horizontal="center"/>
    </xf>
    <xf numFmtId="40" fontId="5" fillId="0" borderId="47" xfId="1" applyNumberFormat="1" applyFont="1" applyBorder="1"/>
    <xf numFmtId="40" fontId="5" fillId="0" borderId="49" xfId="1" applyNumberFormat="1" applyFont="1" applyBorder="1"/>
    <xf numFmtId="38" fontId="5" fillId="0" borderId="48" xfId="1" applyFont="1" applyBorder="1"/>
    <xf numFmtId="38" fontId="5" fillId="0" borderId="49" xfId="1" applyFont="1" applyBorder="1" applyAlignment="1">
      <alignment horizontal="center"/>
    </xf>
    <xf numFmtId="176" fontId="5" fillId="0" borderId="50" xfId="1" applyNumberFormat="1" applyFont="1" applyBorder="1"/>
    <xf numFmtId="40" fontId="5" fillId="0" borderId="49" xfId="1" applyNumberFormat="1" applyFont="1" applyBorder="1" applyAlignment="1">
      <alignment horizontal="center"/>
    </xf>
    <xf numFmtId="38" fontId="5" fillId="0" borderId="48" xfId="2" applyFont="1" applyBorder="1"/>
    <xf numFmtId="38" fontId="5" fillId="0" borderId="49" xfId="2" applyFont="1" applyBorder="1" applyAlignment="1">
      <alignment horizontal="center"/>
    </xf>
    <xf numFmtId="176" fontId="5" fillId="0" borderId="0" xfId="2" applyNumberFormat="1" applyFont="1" applyBorder="1"/>
    <xf numFmtId="176" fontId="5" fillId="0" borderId="48" xfId="2" applyNumberFormat="1" applyFont="1" applyBorder="1"/>
    <xf numFmtId="176" fontId="5" fillId="0" borderId="50" xfId="2" applyNumberFormat="1" applyFont="1" applyBorder="1"/>
    <xf numFmtId="40" fontId="5" fillId="0" borderId="57" xfId="1" applyNumberFormat="1" applyFont="1" applyBorder="1"/>
    <xf numFmtId="38" fontId="5" fillId="0" borderId="56" xfId="1" applyFont="1" applyBorder="1"/>
    <xf numFmtId="38" fontId="5" fillId="0" borderId="57" xfId="1" applyFont="1" applyBorder="1" applyAlignment="1">
      <alignment horizontal="center"/>
    </xf>
    <xf numFmtId="40" fontId="5" fillId="0" borderId="58" xfId="1" applyNumberFormat="1" applyFont="1" applyBorder="1"/>
    <xf numFmtId="176" fontId="5" fillId="0" borderId="59" xfId="1" applyNumberFormat="1" applyFont="1" applyBorder="1"/>
    <xf numFmtId="40" fontId="5" fillId="0" borderId="57" xfId="1" applyNumberFormat="1" applyFont="1" applyBorder="1" applyAlignment="1">
      <alignment horizontal="center"/>
    </xf>
    <xf numFmtId="38" fontId="5" fillId="0" borderId="56" xfId="2" applyFont="1" applyBorder="1"/>
    <xf numFmtId="38" fontId="5" fillId="0" borderId="57" xfId="2" applyFont="1" applyBorder="1" applyAlignment="1">
      <alignment horizontal="center"/>
    </xf>
    <xf numFmtId="176" fontId="5" fillId="0" borderId="61" xfId="2" applyNumberFormat="1" applyFont="1" applyBorder="1"/>
    <xf numFmtId="176" fontId="5" fillId="0" borderId="55" xfId="2" applyNumberFormat="1" applyFont="1" applyBorder="1"/>
    <xf numFmtId="4" fontId="5" fillId="0" borderId="29" xfId="1" applyNumberFormat="1" applyFont="1" applyBorder="1"/>
    <xf numFmtId="4" fontId="5" fillId="0" borderId="39" xfId="1" applyNumberFormat="1" applyFont="1" applyBorder="1"/>
    <xf numFmtId="4" fontId="5" fillId="0" borderId="19" xfId="1" quotePrefix="1" applyNumberFormat="1" applyFont="1" applyBorder="1" applyAlignment="1">
      <alignment horizontal="right"/>
    </xf>
    <xf numFmtId="4" fontId="5" fillId="0" borderId="19" xfId="1" applyNumberFormat="1" applyFont="1" applyBorder="1"/>
    <xf numFmtId="4" fontId="5" fillId="0" borderId="29" xfId="1" quotePrefix="1" applyNumberFormat="1" applyFont="1" applyBorder="1" applyAlignment="1">
      <alignment horizontal="right"/>
    </xf>
    <xf numFmtId="4" fontId="5" fillId="0" borderId="33" xfId="1" applyNumberFormat="1" applyFont="1" applyBorder="1"/>
    <xf numFmtId="4" fontId="5" fillId="0" borderId="30" xfId="1" applyNumberFormat="1" applyFont="1" applyBorder="1"/>
    <xf numFmtId="4" fontId="5" fillId="0" borderId="41" xfId="1" applyNumberFormat="1" applyFont="1" applyBorder="1"/>
    <xf numFmtId="4" fontId="5" fillId="0" borderId="22" xfId="1" quotePrefix="1" applyNumberFormat="1" applyFont="1" applyBorder="1" applyAlignment="1">
      <alignment horizontal="right"/>
    </xf>
    <xf numFmtId="4" fontId="5" fillId="0" borderId="22" xfId="1" applyNumberFormat="1" applyFont="1" applyBorder="1"/>
    <xf numFmtId="4" fontId="5" fillId="0" borderId="30" xfId="1" quotePrefix="1" applyNumberFormat="1" applyFont="1" applyBorder="1" applyAlignment="1">
      <alignment horizontal="right"/>
    </xf>
    <xf numFmtId="4" fontId="5" fillId="0" borderId="30" xfId="1" applyNumberFormat="1" applyFont="1" applyBorder="1" applyAlignment="1">
      <alignment horizontal="center"/>
    </xf>
    <xf numFmtId="4" fontId="5" fillId="0" borderId="30" xfId="1" quotePrefix="1" applyNumberFormat="1" applyFont="1" applyBorder="1" applyAlignment="1">
      <alignment horizontal="center"/>
    </xf>
    <xf numFmtId="4" fontId="5" fillId="0" borderId="50" xfId="1" applyNumberFormat="1" applyFont="1" applyBorder="1"/>
    <xf numFmtId="4" fontId="5" fillId="0" borderId="59" xfId="1" applyNumberFormat="1" applyFont="1" applyBorder="1"/>
    <xf numFmtId="4" fontId="5" fillId="0" borderId="28" xfId="2" applyNumberFormat="1" applyFont="1" applyBorder="1"/>
    <xf numFmtId="4" fontId="5" fillId="0" borderId="38" xfId="2" applyNumberFormat="1" applyFont="1" applyBorder="1"/>
    <xf numFmtId="4" fontId="5" fillId="0" borderId="20" xfId="2" applyNumberFormat="1" applyFont="1" applyBorder="1"/>
    <xf numFmtId="4" fontId="5" fillId="0" borderId="28" xfId="2" quotePrefix="1" applyNumberFormat="1" applyFont="1" applyBorder="1" applyAlignment="1">
      <alignment horizontal="center"/>
    </xf>
    <xf numFmtId="4" fontId="5" fillId="0" borderId="38" xfId="2" quotePrefix="1" applyNumberFormat="1" applyFont="1" applyBorder="1" applyAlignment="1">
      <alignment horizontal="center"/>
    </xf>
    <xf numFmtId="4" fontId="5" fillId="0" borderId="15" xfId="2" applyNumberFormat="1" applyFont="1" applyBorder="1"/>
    <xf numFmtId="4" fontId="5" fillId="0" borderId="46" xfId="2" applyNumberFormat="1" applyFont="1" applyBorder="1"/>
    <xf numFmtId="4" fontId="5" fillId="0" borderId="60" xfId="2" applyNumberFormat="1" applyFont="1" applyBorder="1"/>
    <xf numFmtId="4" fontId="5" fillId="0" borderId="29" xfId="2" applyNumberFormat="1" applyFont="1" applyBorder="1"/>
    <xf numFmtId="4" fontId="5" fillId="0" borderId="39" xfId="2" applyNumberFormat="1" applyFont="1" applyBorder="1"/>
    <xf numFmtId="4" fontId="5" fillId="0" borderId="19" xfId="2" applyNumberFormat="1" applyFont="1" applyBorder="1"/>
    <xf numFmtId="4" fontId="5" fillId="0" borderId="29" xfId="2" quotePrefix="1" applyNumberFormat="1" applyFont="1" applyBorder="1" applyAlignment="1">
      <alignment horizontal="center"/>
    </xf>
    <xf numFmtId="4" fontId="5" fillId="0" borderId="39" xfId="2" quotePrefix="1" applyNumberFormat="1" applyFont="1" applyBorder="1" applyAlignment="1">
      <alignment horizontal="center"/>
    </xf>
    <xf numFmtId="4" fontId="5" fillId="0" borderId="12" xfId="2" applyNumberFormat="1" applyFont="1" applyBorder="1"/>
    <xf numFmtId="4" fontId="5" fillId="0" borderId="47" xfId="2" applyNumberFormat="1" applyFont="1" applyBorder="1"/>
    <xf numFmtId="4" fontId="5" fillId="0" borderId="62" xfId="2" applyNumberFormat="1" applyFont="1" applyBorder="1"/>
    <xf numFmtId="4" fontId="5" fillId="0" borderId="34" xfId="1" applyNumberFormat="1" applyFont="1" applyBorder="1"/>
    <xf numFmtId="4" fontId="5" fillId="0" borderId="43" xfId="1" applyNumberFormat="1" applyFont="1" applyBorder="1"/>
    <xf numFmtId="4" fontId="5" fillId="0" borderId="25" xfId="1" applyNumberFormat="1" applyFont="1" applyBorder="1"/>
    <xf numFmtId="4" fontId="5" fillId="0" borderId="34" xfId="1" quotePrefix="1" applyNumberFormat="1" applyFont="1" applyBorder="1" applyAlignment="1">
      <alignment horizontal="center"/>
    </xf>
    <xf numFmtId="4" fontId="5" fillId="0" borderId="43" xfId="1" quotePrefix="1" applyNumberFormat="1" applyFont="1" applyBorder="1" applyAlignment="1">
      <alignment horizontal="center"/>
    </xf>
    <xf numFmtId="4" fontId="5" fillId="0" borderId="51" xfId="1" applyNumberFormat="1" applyFont="1" applyBorder="1"/>
    <xf numFmtId="4" fontId="5" fillId="0" borderId="52" xfId="1" applyNumberFormat="1" applyFont="1" applyBorder="1"/>
    <xf numFmtId="4" fontId="5" fillId="0" borderId="63" xfId="1" applyNumberFormat="1" applyFont="1" applyBorder="1"/>
    <xf numFmtId="0" fontId="5" fillId="0" borderId="3" xfId="0" quotePrefix="1" applyFont="1" applyBorder="1" applyAlignment="1">
      <alignment horizontal="distributed" justifyLastLine="1"/>
    </xf>
    <xf numFmtId="0" fontId="5" fillId="0" borderId="4" xfId="0" applyFont="1" applyBorder="1" applyAlignment="1">
      <alignment horizontal="distributed" justifyLastLine="1"/>
    </xf>
    <xf numFmtId="0" fontId="5" fillId="0" borderId="5" xfId="0" applyFont="1" applyBorder="1" applyAlignment="1">
      <alignment horizontal="distributed" justifyLastLine="1"/>
    </xf>
    <xf numFmtId="0" fontId="0" fillId="0" borderId="4" xfId="0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  <xf numFmtId="38" fontId="5" fillId="0" borderId="3" xfId="1" quotePrefix="1" applyFont="1" applyBorder="1" applyAlignment="1">
      <alignment horizontal="distributed" justifyLastLine="1"/>
    </xf>
    <xf numFmtId="0" fontId="2" fillId="0" borderId="4" xfId="0" applyFont="1" applyBorder="1" applyAlignment="1">
      <alignment horizontal="distributed" justifyLastLine="1"/>
    </xf>
    <xf numFmtId="0" fontId="2" fillId="0" borderId="6" xfId="0" applyFont="1" applyBorder="1" applyAlignment="1">
      <alignment horizontal="distributed" justifyLastLine="1"/>
    </xf>
    <xf numFmtId="38" fontId="8" fillId="0" borderId="44" xfId="1" applyFont="1" applyFill="1" applyBorder="1" applyAlignment="1">
      <alignment horizontal="distributed" justifyLastLine="1"/>
    </xf>
    <xf numFmtId="0" fontId="0" fillId="0" borderId="45" xfId="0" applyBorder="1" applyAlignment="1">
      <alignment horizontal="distributed" justifyLastLine="1"/>
    </xf>
    <xf numFmtId="38" fontId="8" fillId="0" borderId="53" xfId="1" applyFont="1" applyFill="1" applyBorder="1" applyAlignment="1">
      <alignment horizontal="distributed" justifyLastLine="1"/>
    </xf>
    <xf numFmtId="0" fontId="0" fillId="0" borderId="54" xfId="0" applyBorder="1" applyAlignment="1">
      <alignment horizontal="distributed" justifyLastLine="1"/>
    </xf>
    <xf numFmtId="38" fontId="5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justifyLastLine="1"/>
    </xf>
    <xf numFmtId="0" fontId="0" fillId="0" borderId="7" xfId="0" applyBorder="1" applyAlignment="1">
      <alignment horizontal="distributed" justifyLastLine="1"/>
    </xf>
    <xf numFmtId="0" fontId="0" fillId="0" borderId="8" xfId="0" applyBorder="1" applyAlignment="1">
      <alignment horizontal="distributed" justifyLastLine="1"/>
    </xf>
    <xf numFmtId="0" fontId="0" fillId="0" borderId="17" xfId="0" applyBorder="1" applyAlignment="1">
      <alignment horizontal="distributed" justifyLastLine="1"/>
    </xf>
    <xf numFmtId="0" fontId="0" fillId="0" borderId="18" xfId="0" applyBorder="1" applyAlignment="1">
      <alignment horizontal="distributed" justifyLastLine="1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47"/>
  <sheetViews>
    <sheetView tabSelected="1" view="pageBreakPreview" zoomScaleNormal="100" zoomScaleSheetLayoutView="100" workbookViewId="0">
      <selection activeCell="A3" sqref="A3:Q41"/>
    </sheetView>
  </sheetViews>
  <sheetFormatPr defaultRowHeight="11.25" x14ac:dyDescent="0.15"/>
  <cols>
    <col min="1" max="1" width="3.625" style="2" customWidth="1"/>
    <col min="2" max="2" width="9.875" style="2" customWidth="1"/>
    <col min="3" max="3" width="7.5" style="2" customWidth="1"/>
    <col min="4" max="4" width="3" style="2" customWidth="1"/>
    <col min="5" max="6" width="7.5" style="2" customWidth="1"/>
    <col min="7" max="7" width="3" style="2" customWidth="1"/>
    <col min="8" max="9" width="7.5" style="2" customWidth="1"/>
    <col min="10" max="10" width="3" style="2" customWidth="1"/>
    <col min="11" max="12" width="7.5" style="2" customWidth="1"/>
    <col min="13" max="13" width="3" style="2" customWidth="1"/>
    <col min="14" max="15" width="7.5" style="2" customWidth="1"/>
    <col min="16" max="16" width="3" style="2" customWidth="1"/>
    <col min="17" max="17" width="7.5" style="2" customWidth="1"/>
    <col min="18" max="16384" width="9" style="2"/>
  </cols>
  <sheetData>
    <row r="1" spans="1:17" ht="16.5" customHeight="1" x14ac:dyDescent="0.15">
      <c r="A1" s="1" t="s">
        <v>0</v>
      </c>
    </row>
    <row r="2" spans="1:17" ht="11.1" customHeight="1" thickBot="1" x14ac:dyDescent="0.2"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</row>
    <row r="3" spans="1:17" ht="15" customHeight="1" x14ac:dyDescent="0.15">
      <c r="A3" s="140" t="s">
        <v>1</v>
      </c>
      <c r="B3" s="141"/>
      <c r="C3" s="128" t="s">
        <v>2</v>
      </c>
      <c r="D3" s="129"/>
      <c r="E3" s="129"/>
      <c r="F3" s="128" t="s">
        <v>3</v>
      </c>
      <c r="G3" s="129"/>
      <c r="H3" s="130"/>
      <c r="I3" s="128" t="s">
        <v>4</v>
      </c>
      <c r="J3" s="129"/>
      <c r="K3" s="130"/>
      <c r="L3" s="128" t="s">
        <v>5</v>
      </c>
      <c r="M3" s="131"/>
      <c r="N3" s="132"/>
      <c r="O3" s="133" t="s">
        <v>6</v>
      </c>
      <c r="P3" s="134"/>
      <c r="Q3" s="135"/>
    </row>
    <row r="4" spans="1:17" ht="12.75" customHeight="1" x14ac:dyDescent="0.15">
      <c r="A4" s="142"/>
      <c r="B4" s="143"/>
      <c r="C4" s="9" t="s">
        <v>7</v>
      </c>
      <c r="D4" s="10" t="s">
        <v>8</v>
      </c>
      <c r="E4" s="5" t="s">
        <v>9</v>
      </c>
      <c r="F4" s="12" t="s">
        <v>7</v>
      </c>
      <c r="G4" s="10" t="s">
        <v>8</v>
      </c>
      <c r="H4" s="12" t="s">
        <v>10</v>
      </c>
      <c r="I4" s="11" t="s">
        <v>7</v>
      </c>
      <c r="J4" s="12" t="s">
        <v>8</v>
      </c>
      <c r="K4" s="13" t="s">
        <v>11</v>
      </c>
      <c r="L4" s="7" t="s">
        <v>7</v>
      </c>
      <c r="M4" s="6" t="s">
        <v>8</v>
      </c>
      <c r="N4" s="4" t="s">
        <v>12</v>
      </c>
      <c r="O4" s="7" t="s">
        <v>7</v>
      </c>
      <c r="P4" s="8" t="s">
        <v>8</v>
      </c>
      <c r="Q4" s="14" t="s">
        <v>13</v>
      </c>
    </row>
    <row r="5" spans="1:17" ht="12.75" customHeight="1" x14ac:dyDescent="0.15">
      <c r="A5" s="144"/>
      <c r="B5" s="145"/>
      <c r="C5" s="18" t="s">
        <v>14</v>
      </c>
      <c r="D5" s="19" t="s">
        <v>17</v>
      </c>
      <c r="E5" s="15" t="s">
        <v>15</v>
      </c>
      <c r="F5" s="18" t="s">
        <v>14</v>
      </c>
      <c r="G5" s="19" t="s">
        <v>17</v>
      </c>
      <c r="H5" s="22" t="s">
        <v>15</v>
      </c>
      <c r="I5" s="20" t="s">
        <v>14</v>
      </c>
      <c r="J5" s="18" t="s">
        <v>17</v>
      </c>
      <c r="K5" s="16" t="s">
        <v>15</v>
      </c>
      <c r="L5" s="21" t="s">
        <v>14</v>
      </c>
      <c r="M5" s="22" t="s">
        <v>16</v>
      </c>
      <c r="N5" s="17" t="s">
        <v>15</v>
      </c>
      <c r="O5" s="21" t="s">
        <v>14</v>
      </c>
      <c r="P5" s="16" t="s">
        <v>16</v>
      </c>
      <c r="Q5" s="23" t="s">
        <v>15</v>
      </c>
    </row>
    <row r="6" spans="1:17" ht="19.5" customHeight="1" x14ac:dyDescent="0.15">
      <c r="A6" s="24">
        <v>1</v>
      </c>
      <c r="B6" s="25" t="s">
        <v>18</v>
      </c>
      <c r="C6" s="28">
        <v>18462</v>
      </c>
      <c r="D6" s="29">
        <v>11</v>
      </c>
      <c r="E6" s="89">
        <v>1.32</v>
      </c>
      <c r="F6" s="28">
        <v>18236</v>
      </c>
      <c r="G6" s="29">
        <v>14</v>
      </c>
      <c r="H6" s="94">
        <v>-1.22</v>
      </c>
      <c r="I6" s="30">
        <v>16486</v>
      </c>
      <c r="J6" s="31">
        <v>13</v>
      </c>
      <c r="K6" s="104">
        <v>-9.6</v>
      </c>
      <c r="L6" s="32">
        <v>16468</v>
      </c>
      <c r="M6" s="33">
        <v>16</v>
      </c>
      <c r="N6" s="112">
        <v>-0.11</v>
      </c>
      <c r="O6" s="34">
        <v>15470</v>
      </c>
      <c r="P6" s="27">
        <v>15</v>
      </c>
      <c r="Q6" s="120">
        <v>-6.06</v>
      </c>
    </row>
    <row r="7" spans="1:17" ht="19.5" customHeight="1" x14ac:dyDescent="0.15">
      <c r="A7" s="24">
        <v>2</v>
      </c>
      <c r="B7" s="25" t="s">
        <v>19</v>
      </c>
      <c r="C7" s="28">
        <v>17414</v>
      </c>
      <c r="D7" s="29">
        <v>12</v>
      </c>
      <c r="E7" s="89">
        <v>-15.85</v>
      </c>
      <c r="F7" s="28">
        <v>23165</v>
      </c>
      <c r="G7" s="29">
        <v>7</v>
      </c>
      <c r="H7" s="95">
        <v>33.03</v>
      </c>
      <c r="I7" s="30">
        <v>20880</v>
      </c>
      <c r="J7" s="31">
        <v>8</v>
      </c>
      <c r="K7" s="104">
        <v>-9.86</v>
      </c>
      <c r="L7" s="32">
        <v>27098</v>
      </c>
      <c r="M7" s="33">
        <v>5</v>
      </c>
      <c r="N7" s="112">
        <v>29.78</v>
      </c>
      <c r="O7" s="34">
        <v>19157</v>
      </c>
      <c r="P7" s="27">
        <v>11</v>
      </c>
      <c r="Q7" s="120">
        <v>-29.3</v>
      </c>
    </row>
    <row r="8" spans="1:17" ht="19.5" customHeight="1" x14ac:dyDescent="0.15">
      <c r="A8" s="24">
        <v>3</v>
      </c>
      <c r="B8" s="25" t="s">
        <v>20</v>
      </c>
      <c r="C8" s="28">
        <v>11682</v>
      </c>
      <c r="D8" s="29">
        <v>19</v>
      </c>
      <c r="E8" s="89">
        <v>92.04</v>
      </c>
      <c r="F8" s="28">
        <v>24966</v>
      </c>
      <c r="G8" s="29">
        <v>5</v>
      </c>
      <c r="H8" s="95">
        <v>113.71</v>
      </c>
      <c r="I8" s="30">
        <v>24338</v>
      </c>
      <c r="J8" s="31">
        <v>6</v>
      </c>
      <c r="K8" s="104">
        <v>-2.52</v>
      </c>
      <c r="L8" s="32">
        <v>20801</v>
      </c>
      <c r="M8" s="33">
        <v>12</v>
      </c>
      <c r="N8" s="112">
        <v>-14.53</v>
      </c>
      <c r="O8" s="34">
        <v>18774</v>
      </c>
      <c r="P8" s="27">
        <v>12</v>
      </c>
      <c r="Q8" s="120">
        <v>-9.74</v>
      </c>
    </row>
    <row r="9" spans="1:17" ht="19.5" customHeight="1" x14ac:dyDescent="0.15">
      <c r="A9" s="24">
        <v>4</v>
      </c>
      <c r="B9" s="25" t="s">
        <v>21</v>
      </c>
      <c r="C9" s="28">
        <v>22141</v>
      </c>
      <c r="D9" s="29">
        <v>7</v>
      </c>
      <c r="E9" s="89">
        <v>67.28</v>
      </c>
      <c r="F9" s="28">
        <v>19680</v>
      </c>
      <c r="G9" s="29">
        <v>12</v>
      </c>
      <c r="H9" s="95">
        <v>-11.12</v>
      </c>
      <c r="I9" s="30">
        <v>18836</v>
      </c>
      <c r="J9" s="31">
        <v>11</v>
      </c>
      <c r="K9" s="104">
        <v>-4.29</v>
      </c>
      <c r="L9" s="32">
        <v>21857</v>
      </c>
      <c r="M9" s="33">
        <v>8</v>
      </c>
      <c r="N9" s="112">
        <v>16.04</v>
      </c>
      <c r="O9" s="34">
        <v>16375</v>
      </c>
      <c r="P9" s="27">
        <v>13</v>
      </c>
      <c r="Q9" s="120">
        <v>-25.08</v>
      </c>
    </row>
    <row r="10" spans="1:17" ht="19.5" customHeight="1" x14ac:dyDescent="0.15">
      <c r="A10" s="24">
        <v>5</v>
      </c>
      <c r="B10" s="25" t="s">
        <v>22</v>
      </c>
      <c r="C10" s="28">
        <v>19001</v>
      </c>
      <c r="D10" s="29">
        <v>10</v>
      </c>
      <c r="E10" s="89">
        <v>87.74</v>
      </c>
      <c r="F10" s="28">
        <v>22320</v>
      </c>
      <c r="G10" s="29">
        <v>8</v>
      </c>
      <c r="H10" s="95">
        <v>17.47</v>
      </c>
      <c r="I10" s="30">
        <v>11680</v>
      </c>
      <c r="J10" s="31">
        <v>20</v>
      </c>
      <c r="K10" s="104">
        <v>-47.67</v>
      </c>
      <c r="L10" s="32">
        <v>13324</v>
      </c>
      <c r="M10" s="33">
        <v>22</v>
      </c>
      <c r="N10" s="112">
        <v>14.08</v>
      </c>
      <c r="O10" s="34">
        <v>25355</v>
      </c>
      <c r="P10" s="27">
        <v>3</v>
      </c>
      <c r="Q10" s="120">
        <v>90.3</v>
      </c>
    </row>
    <row r="11" spans="1:17" ht="19.5" customHeight="1" x14ac:dyDescent="0.15">
      <c r="A11" s="24">
        <v>6</v>
      </c>
      <c r="B11" s="25" t="s">
        <v>23</v>
      </c>
      <c r="C11" s="28">
        <v>9077</v>
      </c>
      <c r="D11" s="29">
        <v>23</v>
      </c>
      <c r="E11" s="89">
        <v>-12.07</v>
      </c>
      <c r="F11" s="28">
        <v>9181</v>
      </c>
      <c r="G11" s="29">
        <v>23</v>
      </c>
      <c r="H11" s="95">
        <v>1.1499999999999999</v>
      </c>
      <c r="I11" s="30">
        <v>10149</v>
      </c>
      <c r="J11" s="31">
        <v>22</v>
      </c>
      <c r="K11" s="104">
        <v>10.54</v>
      </c>
      <c r="L11" s="32">
        <v>11479</v>
      </c>
      <c r="M11" s="33">
        <v>23</v>
      </c>
      <c r="N11" s="112">
        <v>13.1</v>
      </c>
      <c r="O11" s="34">
        <v>13545</v>
      </c>
      <c r="P11" s="27">
        <v>18</v>
      </c>
      <c r="Q11" s="120">
        <v>18</v>
      </c>
    </row>
    <row r="12" spans="1:17" ht="19.5" customHeight="1" x14ac:dyDescent="0.15">
      <c r="A12" s="24">
        <v>7</v>
      </c>
      <c r="B12" s="25" t="s">
        <v>24</v>
      </c>
      <c r="C12" s="28">
        <v>9714</v>
      </c>
      <c r="D12" s="29">
        <v>22</v>
      </c>
      <c r="E12" s="89">
        <v>6.26</v>
      </c>
      <c r="F12" s="28">
        <v>14471</v>
      </c>
      <c r="G12" s="29">
        <v>19</v>
      </c>
      <c r="H12" s="95">
        <v>48.97</v>
      </c>
      <c r="I12" s="30">
        <v>16231</v>
      </c>
      <c r="J12" s="31">
        <v>14</v>
      </c>
      <c r="K12" s="104">
        <v>12.16</v>
      </c>
      <c r="L12" s="32">
        <v>15546</v>
      </c>
      <c r="M12" s="33">
        <v>19</v>
      </c>
      <c r="N12" s="112">
        <v>-4.22</v>
      </c>
      <c r="O12" s="34">
        <v>7644</v>
      </c>
      <c r="P12" s="27">
        <v>23</v>
      </c>
      <c r="Q12" s="120">
        <v>-50.83</v>
      </c>
    </row>
    <row r="13" spans="1:17" ht="19.5" customHeight="1" x14ac:dyDescent="0.15">
      <c r="A13" s="24">
        <v>8</v>
      </c>
      <c r="B13" s="25" t="s">
        <v>25</v>
      </c>
      <c r="C13" s="28">
        <v>15103</v>
      </c>
      <c r="D13" s="29">
        <v>16</v>
      </c>
      <c r="E13" s="89">
        <v>4.67</v>
      </c>
      <c r="F13" s="28">
        <v>13482</v>
      </c>
      <c r="G13" s="29">
        <v>20</v>
      </c>
      <c r="H13" s="95">
        <v>-10.73</v>
      </c>
      <c r="I13" s="30">
        <v>12050</v>
      </c>
      <c r="J13" s="31">
        <v>18</v>
      </c>
      <c r="K13" s="104">
        <v>-10.62</v>
      </c>
      <c r="L13" s="32">
        <v>14799</v>
      </c>
      <c r="M13" s="33">
        <v>20</v>
      </c>
      <c r="N13" s="112">
        <v>22.81</v>
      </c>
      <c r="O13" s="34">
        <v>3588</v>
      </c>
      <c r="P13" s="27">
        <v>28</v>
      </c>
      <c r="Q13" s="120">
        <v>-75.760000000000005</v>
      </c>
    </row>
    <row r="14" spans="1:17" ht="19.5" customHeight="1" x14ac:dyDescent="0.15">
      <c r="A14" s="24">
        <v>9</v>
      </c>
      <c r="B14" s="25" t="s">
        <v>26</v>
      </c>
      <c r="C14" s="28">
        <v>30651</v>
      </c>
      <c r="D14" s="29">
        <v>2</v>
      </c>
      <c r="E14" s="89">
        <v>52.55</v>
      </c>
      <c r="F14" s="28">
        <v>37126</v>
      </c>
      <c r="G14" s="29">
        <v>1</v>
      </c>
      <c r="H14" s="95">
        <v>21.12</v>
      </c>
      <c r="I14" s="30">
        <v>26977</v>
      </c>
      <c r="J14" s="31">
        <v>2</v>
      </c>
      <c r="K14" s="104">
        <v>-27.34</v>
      </c>
      <c r="L14" s="32">
        <v>23017</v>
      </c>
      <c r="M14" s="33">
        <v>6</v>
      </c>
      <c r="N14" s="112">
        <v>-14.68</v>
      </c>
      <c r="O14" s="34">
        <v>24316</v>
      </c>
      <c r="P14" s="27">
        <v>5</v>
      </c>
      <c r="Q14" s="120">
        <v>5.64</v>
      </c>
    </row>
    <row r="15" spans="1:17" ht="19.5" customHeight="1" x14ac:dyDescent="0.15">
      <c r="A15" s="24">
        <v>10</v>
      </c>
      <c r="B15" s="25" t="s">
        <v>28</v>
      </c>
      <c r="C15" s="28">
        <v>24197</v>
      </c>
      <c r="D15" s="29">
        <v>6</v>
      </c>
      <c r="E15" s="89">
        <v>1.82</v>
      </c>
      <c r="F15" s="28">
        <v>23804</v>
      </c>
      <c r="G15" s="29">
        <v>6</v>
      </c>
      <c r="H15" s="95">
        <v>-1.62</v>
      </c>
      <c r="I15" s="30">
        <v>22997</v>
      </c>
      <c r="J15" s="31">
        <v>7</v>
      </c>
      <c r="K15" s="104">
        <v>-3.39</v>
      </c>
      <c r="L15" s="32">
        <v>27485</v>
      </c>
      <c r="M15" s="33">
        <v>4</v>
      </c>
      <c r="N15" s="112">
        <v>19.52</v>
      </c>
      <c r="O15" s="34">
        <v>19709</v>
      </c>
      <c r="P15" s="27">
        <v>10</v>
      </c>
      <c r="Q15" s="120">
        <v>-28.29</v>
      </c>
    </row>
    <row r="16" spans="1:17" ht="19.5" customHeight="1" x14ac:dyDescent="0.15">
      <c r="A16" s="24">
        <v>11</v>
      </c>
      <c r="B16" s="25" t="s">
        <v>29</v>
      </c>
      <c r="C16" s="28">
        <v>11256</v>
      </c>
      <c r="D16" s="29">
        <v>20</v>
      </c>
      <c r="E16" s="89">
        <v>-26.97</v>
      </c>
      <c r="F16" s="28">
        <v>18156</v>
      </c>
      <c r="G16" s="29">
        <v>15</v>
      </c>
      <c r="H16" s="95">
        <v>61.3</v>
      </c>
      <c r="I16" s="30">
        <v>11742</v>
      </c>
      <c r="J16" s="31">
        <v>19</v>
      </c>
      <c r="K16" s="104">
        <v>-35.33</v>
      </c>
      <c r="L16" s="32">
        <v>18307</v>
      </c>
      <c r="M16" s="33">
        <v>14</v>
      </c>
      <c r="N16" s="112">
        <v>55.91</v>
      </c>
      <c r="O16" s="34">
        <v>7600</v>
      </c>
      <c r="P16" s="27">
        <v>24</v>
      </c>
      <c r="Q16" s="120">
        <v>-58.49</v>
      </c>
    </row>
    <row r="17" spans="1:17" ht="19.5" customHeight="1" x14ac:dyDescent="0.15">
      <c r="A17" s="24">
        <v>12</v>
      </c>
      <c r="B17" s="25" t="s">
        <v>30</v>
      </c>
      <c r="C17" s="28">
        <v>17229</v>
      </c>
      <c r="D17" s="29">
        <v>14</v>
      </c>
      <c r="E17" s="89">
        <v>6.6</v>
      </c>
      <c r="F17" s="28">
        <v>19168</v>
      </c>
      <c r="G17" s="29">
        <v>13</v>
      </c>
      <c r="H17" s="95">
        <v>11.25</v>
      </c>
      <c r="I17" s="30">
        <v>25723</v>
      </c>
      <c r="J17" s="31">
        <v>3</v>
      </c>
      <c r="K17" s="104">
        <v>34.200000000000003</v>
      </c>
      <c r="L17" s="32">
        <v>19787</v>
      </c>
      <c r="M17" s="33">
        <v>13</v>
      </c>
      <c r="N17" s="112">
        <v>-23.08</v>
      </c>
      <c r="O17" s="34">
        <v>13136</v>
      </c>
      <c r="P17" s="27">
        <v>19</v>
      </c>
      <c r="Q17" s="120">
        <v>-33.61</v>
      </c>
    </row>
    <row r="18" spans="1:17" ht="19.5" customHeight="1" x14ac:dyDescent="0.15">
      <c r="A18" s="24">
        <v>13</v>
      </c>
      <c r="B18" s="25" t="s">
        <v>31</v>
      </c>
      <c r="C18" s="28">
        <v>17381</v>
      </c>
      <c r="D18" s="29">
        <v>13</v>
      </c>
      <c r="E18" s="89">
        <v>-21.8</v>
      </c>
      <c r="F18" s="28">
        <v>20954</v>
      </c>
      <c r="G18" s="29">
        <v>11</v>
      </c>
      <c r="H18" s="95">
        <v>20.56</v>
      </c>
      <c r="I18" s="30">
        <v>24480</v>
      </c>
      <c r="J18" s="31">
        <v>5</v>
      </c>
      <c r="K18" s="104">
        <v>16.829999999999998</v>
      </c>
      <c r="L18" s="32">
        <v>21811</v>
      </c>
      <c r="M18" s="33">
        <v>9</v>
      </c>
      <c r="N18" s="112">
        <v>-10.9</v>
      </c>
      <c r="O18" s="34">
        <v>14927</v>
      </c>
      <c r="P18" s="27">
        <v>16</v>
      </c>
      <c r="Q18" s="120">
        <v>-31.56</v>
      </c>
    </row>
    <row r="19" spans="1:17" ht="19.5" customHeight="1" x14ac:dyDescent="0.15">
      <c r="A19" s="24">
        <v>14</v>
      </c>
      <c r="B19" s="25" t="s">
        <v>32</v>
      </c>
      <c r="C19" s="28">
        <v>21857</v>
      </c>
      <c r="D19" s="29">
        <v>8</v>
      </c>
      <c r="E19" s="89">
        <v>1.1100000000000001</v>
      </c>
      <c r="F19" s="28">
        <v>22124</v>
      </c>
      <c r="G19" s="29">
        <v>9</v>
      </c>
      <c r="H19" s="95">
        <v>1.22</v>
      </c>
      <c r="I19" s="30">
        <v>20214</v>
      </c>
      <c r="J19" s="31">
        <v>10</v>
      </c>
      <c r="K19" s="104">
        <v>-8.6300000000000008</v>
      </c>
      <c r="L19" s="32">
        <v>21250</v>
      </c>
      <c r="M19" s="33">
        <v>10</v>
      </c>
      <c r="N19" s="112">
        <v>5.13</v>
      </c>
      <c r="O19" s="34">
        <v>20771</v>
      </c>
      <c r="P19" s="27">
        <v>8</v>
      </c>
      <c r="Q19" s="120">
        <v>-2.25</v>
      </c>
    </row>
    <row r="20" spans="1:17" ht="19.5" customHeight="1" x14ac:dyDescent="0.15">
      <c r="A20" s="24">
        <v>15</v>
      </c>
      <c r="B20" s="25" t="s">
        <v>33</v>
      </c>
      <c r="C20" s="28">
        <v>15407</v>
      </c>
      <c r="D20" s="29">
        <v>15</v>
      </c>
      <c r="E20" s="89">
        <v>2.64</v>
      </c>
      <c r="F20" s="28">
        <v>21794</v>
      </c>
      <c r="G20" s="29">
        <v>10</v>
      </c>
      <c r="H20" s="95">
        <v>41.46</v>
      </c>
      <c r="I20" s="30">
        <v>20428</v>
      </c>
      <c r="J20" s="31">
        <v>9</v>
      </c>
      <c r="K20" s="104">
        <v>-6.27</v>
      </c>
      <c r="L20" s="32">
        <v>21097</v>
      </c>
      <c r="M20" s="33">
        <v>11</v>
      </c>
      <c r="N20" s="112">
        <v>3.27</v>
      </c>
      <c r="O20" s="34">
        <v>22295</v>
      </c>
      <c r="P20" s="27">
        <v>7</v>
      </c>
      <c r="Q20" s="120">
        <v>5.68</v>
      </c>
    </row>
    <row r="21" spans="1:17" ht="19.5" customHeight="1" x14ac:dyDescent="0.15">
      <c r="A21" s="24">
        <v>16</v>
      </c>
      <c r="B21" s="25" t="s">
        <v>34</v>
      </c>
      <c r="C21" s="28">
        <v>20392</v>
      </c>
      <c r="D21" s="29">
        <v>9</v>
      </c>
      <c r="E21" s="89">
        <v>9.4600000000000009</v>
      </c>
      <c r="F21" s="28">
        <v>17294</v>
      </c>
      <c r="G21" s="29">
        <v>16</v>
      </c>
      <c r="H21" s="95">
        <v>-15.19</v>
      </c>
      <c r="I21" s="30">
        <v>11577</v>
      </c>
      <c r="J21" s="31">
        <v>21</v>
      </c>
      <c r="K21" s="104">
        <v>-33.06</v>
      </c>
      <c r="L21" s="32">
        <v>18212</v>
      </c>
      <c r="M21" s="33">
        <v>15</v>
      </c>
      <c r="N21" s="112">
        <v>57.31</v>
      </c>
      <c r="O21" s="34">
        <v>23241</v>
      </c>
      <c r="P21" s="27">
        <v>6</v>
      </c>
      <c r="Q21" s="120">
        <v>27.61</v>
      </c>
    </row>
    <row r="22" spans="1:17" ht="19.5" customHeight="1" x14ac:dyDescent="0.15">
      <c r="A22" s="24">
        <v>17</v>
      </c>
      <c r="B22" s="25" t="s">
        <v>35</v>
      </c>
      <c r="C22" s="28">
        <v>26955</v>
      </c>
      <c r="D22" s="29">
        <v>5</v>
      </c>
      <c r="E22" s="89">
        <v>-28.29</v>
      </c>
      <c r="F22" s="28">
        <v>27803</v>
      </c>
      <c r="G22" s="29">
        <v>4</v>
      </c>
      <c r="H22" s="95">
        <v>3.15</v>
      </c>
      <c r="I22" s="30">
        <v>30792</v>
      </c>
      <c r="J22" s="31">
        <v>1</v>
      </c>
      <c r="K22" s="104">
        <v>10.75</v>
      </c>
      <c r="L22" s="32">
        <v>29201</v>
      </c>
      <c r="M22" s="33">
        <v>3</v>
      </c>
      <c r="N22" s="112">
        <v>-5.17</v>
      </c>
      <c r="O22" s="34">
        <v>33459</v>
      </c>
      <c r="P22" s="27">
        <v>1</v>
      </c>
      <c r="Q22" s="120">
        <v>14.58</v>
      </c>
    </row>
    <row r="23" spans="1:17" ht="19.5" customHeight="1" x14ac:dyDescent="0.15">
      <c r="A23" s="24">
        <v>18</v>
      </c>
      <c r="B23" s="25" t="s">
        <v>36</v>
      </c>
      <c r="C23" s="28">
        <v>3263</v>
      </c>
      <c r="D23" s="29">
        <v>29</v>
      </c>
      <c r="E23" s="89">
        <v>-49.38</v>
      </c>
      <c r="F23" s="28">
        <v>3582</v>
      </c>
      <c r="G23" s="29">
        <v>28</v>
      </c>
      <c r="H23" s="95">
        <v>9.7799999999999994</v>
      </c>
      <c r="I23" s="30">
        <v>716</v>
      </c>
      <c r="J23" s="31">
        <v>29</v>
      </c>
      <c r="K23" s="104">
        <v>-80.010000000000005</v>
      </c>
      <c r="L23" s="32">
        <v>750</v>
      </c>
      <c r="M23" s="33">
        <v>30</v>
      </c>
      <c r="N23" s="112">
        <v>4.75</v>
      </c>
      <c r="O23" s="34">
        <v>597</v>
      </c>
      <c r="P23" s="27">
        <v>30</v>
      </c>
      <c r="Q23" s="120">
        <v>-20.399999999999999</v>
      </c>
    </row>
    <row r="24" spans="1:17" ht="19.5" customHeight="1" thickBot="1" x14ac:dyDescent="0.2">
      <c r="A24" s="36">
        <v>21</v>
      </c>
      <c r="B24" s="37" t="s">
        <v>37</v>
      </c>
      <c r="C24" s="39">
        <v>12675</v>
      </c>
      <c r="D24" s="40">
        <v>17</v>
      </c>
      <c r="E24" s="90">
        <v>-27.69</v>
      </c>
      <c r="F24" s="39">
        <v>14967</v>
      </c>
      <c r="G24" s="40">
        <v>18</v>
      </c>
      <c r="H24" s="96">
        <v>18.079999999999998</v>
      </c>
      <c r="I24" s="41">
        <v>17541</v>
      </c>
      <c r="J24" s="42">
        <v>12</v>
      </c>
      <c r="K24" s="105">
        <v>17.2</v>
      </c>
      <c r="L24" s="43">
        <v>9877</v>
      </c>
      <c r="M24" s="44">
        <v>24</v>
      </c>
      <c r="N24" s="113">
        <v>-43.69</v>
      </c>
      <c r="O24" s="45">
        <v>10715</v>
      </c>
      <c r="P24" s="38">
        <v>21</v>
      </c>
      <c r="Q24" s="121">
        <v>8.48</v>
      </c>
    </row>
    <row r="25" spans="1:17" ht="19.5" customHeight="1" thickTop="1" x14ac:dyDescent="0.15">
      <c r="A25" s="24">
        <v>19</v>
      </c>
      <c r="B25" s="25" t="s">
        <v>38</v>
      </c>
      <c r="C25" s="48">
        <v>5853</v>
      </c>
      <c r="D25" s="49">
        <v>27</v>
      </c>
      <c r="E25" s="91">
        <v>83.31</v>
      </c>
      <c r="F25" s="48">
        <v>5793</v>
      </c>
      <c r="G25" s="49">
        <v>26</v>
      </c>
      <c r="H25" s="97">
        <v>-1.03</v>
      </c>
      <c r="I25" s="50">
        <v>6937</v>
      </c>
      <c r="J25" s="51">
        <v>25</v>
      </c>
      <c r="K25" s="106">
        <v>19.75</v>
      </c>
      <c r="L25" s="52">
        <v>7158</v>
      </c>
      <c r="M25" s="53">
        <v>28</v>
      </c>
      <c r="N25" s="114">
        <v>3.19</v>
      </c>
      <c r="O25" s="54">
        <v>7548</v>
      </c>
      <c r="P25" s="46">
        <v>25</v>
      </c>
      <c r="Q25" s="122">
        <v>5.45</v>
      </c>
    </row>
    <row r="26" spans="1:17" ht="19.5" customHeight="1" x14ac:dyDescent="0.15">
      <c r="A26" s="24">
        <v>20</v>
      </c>
      <c r="B26" s="25" t="s">
        <v>39</v>
      </c>
      <c r="C26" s="55">
        <v>8613</v>
      </c>
      <c r="D26" s="56">
        <v>24</v>
      </c>
      <c r="E26" s="92">
        <v>-16.97</v>
      </c>
      <c r="F26" s="55">
        <v>5962</v>
      </c>
      <c r="G26" s="56">
        <v>25</v>
      </c>
      <c r="H26" s="98">
        <v>-30.78</v>
      </c>
      <c r="I26" s="30">
        <v>8616</v>
      </c>
      <c r="J26" s="31">
        <v>24</v>
      </c>
      <c r="K26" s="104">
        <v>44.52</v>
      </c>
      <c r="L26" s="32">
        <v>9733</v>
      </c>
      <c r="M26" s="33">
        <v>25</v>
      </c>
      <c r="N26" s="112">
        <v>12.96</v>
      </c>
      <c r="O26" s="34">
        <v>11050</v>
      </c>
      <c r="P26" s="27">
        <v>20</v>
      </c>
      <c r="Q26" s="120">
        <v>13.53</v>
      </c>
    </row>
    <row r="27" spans="1:17" ht="19.5" customHeight="1" x14ac:dyDescent="0.15">
      <c r="A27" s="24">
        <v>22</v>
      </c>
      <c r="B27" s="25" t="s">
        <v>40</v>
      </c>
      <c r="C27" s="28">
        <v>32755</v>
      </c>
      <c r="D27" s="29">
        <v>1</v>
      </c>
      <c r="E27" s="89">
        <v>14.32</v>
      </c>
      <c r="F27" s="28">
        <v>32040</v>
      </c>
      <c r="G27" s="29">
        <v>2</v>
      </c>
      <c r="H27" s="95">
        <v>-2.1800000000000002</v>
      </c>
      <c r="I27" s="30">
        <v>15583</v>
      </c>
      <c r="J27" s="31">
        <v>15</v>
      </c>
      <c r="K27" s="104">
        <v>-51.36</v>
      </c>
      <c r="L27" s="32">
        <v>15657</v>
      </c>
      <c r="M27" s="33">
        <v>18</v>
      </c>
      <c r="N27" s="112">
        <v>0.47</v>
      </c>
      <c r="O27" s="34">
        <v>26406</v>
      </c>
      <c r="P27" s="27">
        <v>2</v>
      </c>
      <c r="Q27" s="120">
        <v>68.650000000000006</v>
      </c>
    </row>
    <row r="28" spans="1:17" ht="19.5" customHeight="1" x14ac:dyDescent="0.15">
      <c r="A28" s="24">
        <v>23</v>
      </c>
      <c r="B28" s="25" t="s">
        <v>41</v>
      </c>
      <c r="C28" s="28">
        <v>326</v>
      </c>
      <c r="D28" s="29">
        <v>30</v>
      </c>
      <c r="E28" s="89">
        <v>9.0299999999999994</v>
      </c>
      <c r="F28" s="28">
        <v>444</v>
      </c>
      <c r="G28" s="29">
        <v>30</v>
      </c>
      <c r="H28" s="95">
        <v>36.200000000000003</v>
      </c>
      <c r="I28" s="30">
        <v>364</v>
      </c>
      <c r="J28" s="31">
        <v>30</v>
      </c>
      <c r="K28" s="104">
        <v>-18.02</v>
      </c>
      <c r="L28" s="32">
        <v>293</v>
      </c>
      <c r="M28" s="33">
        <v>31</v>
      </c>
      <c r="N28" s="112">
        <v>-19.510000000000002</v>
      </c>
      <c r="O28" s="34">
        <v>0</v>
      </c>
      <c r="P28" s="27">
        <v>31</v>
      </c>
      <c r="Q28" s="120">
        <v>-100</v>
      </c>
    </row>
    <row r="29" spans="1:17" ht="19.5" customHeight="1" x14ac:dyDescent="0.15">
      <c r="A29" s="24">
        <v>24</v>
      </c>
      <c r="B29" s="25" t="s">
        <v>42</v>
      </c>
      <c r="C29" s="28">
        <v>10924</v>
      </c>
      <c r="D29" s="29">
        <v>21</v>
      </c>
      <c r="E29" s="89">
        <v>17</v>
      </c>
      <c r="F29" s="28">
        <v>9401</v>
      </c>
      <c r="G29" s="29">
        <v>22</v>
      </c>
      <c r="H29" s="95">
        <v>-13.94</v>
      </c>
      <c r="I29" s="30">
        <v>15006</v>
      </c>
      <c r="J29" s="31">
        <v>16</v>
      </c>
      <c r="K29" s="104">
        <v>59.62</v>
      </c>
      <c r="L29" s="32">
        <v>22234</v>
      </c>
      <c r="M29" s="33">
        <v>7</v>
      </c>
      <c r="N29" s="112">
        <v>48.17</v>
      </c>
      <c r="O29" s="34">
        <v>20711</v>
      </c>
      <c r="P29" s="27">
        <v>9</v>
      </c>
      <c r="Q29" s="120">
        <v>-6.85</v>
      </c>
    </row>
    <row r="30" spans="1:17" ht="19.5" customHeight="1" x14ac:dyDescent="0.15">
      <c r="A30" s="24">
        <v>25</v>
      </c>
      <c r="B30" s="25" t="s">
        <v>43</v>
      </c>
      <c r="C30" s="28">
        <v>7700</v>
      </c>
      <c r="D30" s="29">
        <v>26</v>
      </c>
      <c r="E30" s="89">
        <v>55.52</v>
      </c>
      <c r="F30" s="28">
        <v>5307</v>
      </c>
      <c r="G30" s="29">
        <v>27</v>
      </c>
      <c r="H30" s="95">
        <v>-31.08</v>
      </c>
      <c r="I30" s="30">
        <v>5455</v>
      </c>
      <c r="J30" s="31">
        <v>27</v>
      </c>
      <c r="K30" s="104">
        <v>2.79</v>
      </c>
      <c r="L30" s="32">
        <v>5745</v>
      </c>
      <c r="M30" s="33">
        <v>29</v>
      </c>
      <c r="N30" s="112">
        <v>5.32</v>
      </c>
      <c r="O30" s="34">
        <v>4484</v>
      </c>
      <c r="P30" s="27">
        <v>27</v>
      </c>
      <c r="Q30" s="120">
        <v>-21.95</v>
      </c>
    </row>
    <row r="31" spans="1:17" ht="19.5" customHeight="1" x14ac:dyDescent="0.15">
      <c r="A31" s="24">
        <v>26</v>
      </c>
      <c r="B31" s="25" t="s">
        <v>44</v>
      </c>
      <c r="C31" s="28">
        <v>8601</v>
      </c>
      <c r="D31" s="29">
        <v>25</v>
      </c>
      <c r="E31" s="89">
        <v>2.23</v>
      </c>
      <c r="F31" s="28">
        <v>8787</v>
      </c>
      <c r="G31" s="29">
        <v>24</v>
      </c>
      <c r="H31" s="95">
        <v>2.16</v>
      </c>
      <c r="I31" s="30">
        <v>9127</v>
      </c>
      <c r="J31" s="31">
        <v>23</v>
      </c>
      <c r="K31" s="104">
        <v>3.87</v>
      </c>
      <c r="L31" s="32">
        <v>9413</v>
      </c>
      <c r="M31" s="33">
        <v>26</v>
      </c>
      <c r="N31" s="112">
        <v>3.13</v>
      </c>
      <c r="O31" s="34">
        <v>6680</v>
      </c>
      <c r="P31" s="27">
        <v>26</v>
      </c>
      <c r="Q31" s="120">
        <v>-29.03</v>
      </c>
    </row>
    <row r="32" spans="1:17" ht="19.5" customHeight="1" x14ac:dyDescent="0.15">
      <c r="A32" s="24">
        <v>27</v>
      </c>
      <c r="B32" s="25" t="s">
        <v>45</v>
      </c>
      <c r="C32" s="57">
        <v>5282</v>
      </c>
      <c r="D32" s="58">
        <v>28</v>
      </c>
      <c r="E32" s="93">
        <v>33.86</v>
      </c>
      <c r="F32" s="57">
        <v>13290</v>
      </c>
      <c r="G32" s="58">
        <v>21</v>
      </c>
      <c r="H32" s="99">
        <v>151.61000000000001</v>
      </c>
      <c r="I32" s="30">
        <v>5936</v>
      </c>
      <c r="J32" s="31">
        <v>26</v>
      </c>
      <c r="K32" s="104">
        <v>-55.33</v>
      </c>
      <c r="L32" s="32">
        <v>14014</v>
      </c>
      <c r="M32" s="33">
        <v>21</v>
      </c>
      <c r="N32" s="112">
        <v>136.08000000000001</v>
      </c>
      <c r="O32" s="34">
        <v>15761</v>
      </c>
      <c r="P32" s="27">
        <v>14</v>
      </c>
      <c r="Q32" s="120">
        <v>12.47</v>
      </c>
    </row>
    <row r="33" spans="1:17" ht="19.5" customHeight="1" x14ac:dyDescent="0.15">
      <c r="A33" s="24">
        <v>28</v>
      </c>
      <c r="B33" s="25" t="s">
        <v>46</v>
      </c>
      <c r="C33" s="28">
        <v>29130</v>
      </c>
      <c r="D33" s="29">
        <v>4</v>
      </c>
      <c r="E33" s="89">
        <v>3.02</v>
      </c>
      <c r="F33" s="28">
        <v>15570</v>
      </c>
      <c r="G33" s="29">
        <v>17</v>
      </c>
      <c r="H33" s="95">
        <v>-46.55</v>
      </c>
      <c r="I33" s="30">
        <v>14033</v>
      </c>
      <c r="J33" s="31">
        <v>17</v>
      </c>
      <c r="K33" s="104">
        <v>-9.8699999999999992</v>
      </c>
      <c r="L33" s="32">
        <v>16168</v>
      </c>
      <c r="M33" s="33">
        <v>17</v>
      </c>
      <c r="N33" s="112">
        <v>15.21</v>
      </c>
      <c r="O33" s="34">
        <v>9775</v>
      </c>
      <c r="P33" s="27">
        <v>22</v>
      </c>
      <c r="Q33" s="120">
        <v>-39.54</v>
      </c>
    </row>
    <row r="34" spans="1:17" ht="19.5" customHeight="1" x14ac:dyDescent="0.15">
      <c r="A34" s="24">
        <v>29</v>
      </c>
      <c r="B34" s="25" t="s">
        <v>47</v>
      </c>
      <c r="C34" s="28">
        <v>11955</v>
      </c>
      <c r="D34" s="29">
        <v>18</v>
      </c>
      <c r="E34" s="89">
        <v>5.58</v>
      </c>
      <c r="F34" s="28">
        <v>2322</v>
      </c>
      <c r="G34" s="29">
        <v>29</v>
      </c>
      <c r="H34" s="95">
        <v>-80.58</v>
      </c>
      <c r="I34" s="30">
        <v>2285</v>
      </c>
      <c r="J34" s="31">
        <v>28</v>
      </c>
      <c r="K34" s="104">
        <v>-1.59</v>
      </c>
      <c r="L34" s="32">
        <v>34218</v>
      </c>
      <c r="M34" s="33">
        <v>1</v>
      </c>
      <c r="N34" s="112">
        <v>1397.51</v>
      </c>
      <c r="O34" s="34">
        <v>2344</v>
      </c>
      <c r="P34" s="27">
        <v>29</v>
      </c>
      <c r="Q34" s="120">
        <v>-93.15</v>
      </c>
    </row>
    <row r="35" spans="1:17" ht="19.5" customHeight="1" x14ac:dyDescent="0.15">
      <c r="A35" s="24">
        <v>30</v>
      </c>
      <c r="B35" s="25" t="s">
        <v>48</v>
      </c>
      <c r="C35" s="59">
        <v>0</v>
      </c>
      <c r="D35" s="60">
        <v>31</v>
      </c>
      <c r="E35" s="35" t="s">
        <v>27</v>
      </c>
      <c r="F35" s="59">
        <v>0</v>
      </c>
      <c r="G35" s="60">
        <v>31</v>
      </c>
      <c r="H35" s="100" t="s">
        <v>27</v>
      </c>
      <c r="I35" s="61">
        <v>288</v>
      </c>
      <c r="J35" s="31">
        <v>31</v>
      </c>
      <c r="K35" s="107" t="s">
        <v>27</v>
      </c>
      <c r="L35" s="62">
        <v>0</v>
      </c>
      <c r="M35" s="63">
        <v>32</v>
      </c>
      <c r="N35" s="115" t="s">
        <v>27</v>
      </c>
      <c r="O35" s="34">
        <v>0</v>
      </c>
      <c r="P35" s="27">
        <v>31</v>
      </c>
      <c r="Q35" s="123" t="s">
        <v>27</v>
      </c>
    </row>
    <row r="36" spans="1:17" ht="19.5" customHeight="1" x14ac:dyDescent="0.15">
      <c r="A36" s="24">
        <v>31</v>
      </c>
      <c r="B36" s="25" t="s">
        <v>49</v>
      </c>
      <c r="C36" s="57">
        <v>0</v>
      </c>
      <c r="D36" s="64">
        <v>31</v>
      </c>
      <c r="E36" s="47" t="s">
        <v>27</v>
      </c>
      <c r="F36" s="57">
        <v>0</v>
      </c>
      <c r="G36" s="64">
        <v>31</v>
      </c>
      <c r="H36" s="101" t="s">
        <v>27</v>
      </c>
      <c r="I36" s="30">
        <v>50</v>
      </c>
      <c r="J36" s="31">
        <v>32</v>
      </c>
      <c r="K36" s="107" t="s">
        <v>27</v>
      </c>
      <c r="L36" s="62">
        <v>0</v>
      </c>
      <c r="M36" s="63">
        <v>32</v>
      </c>
      <c r="N36" s="115" t="s">
        <v>27</v>
      </c>
      <c r="O36" s="34">
        <v>0</v>
      </c>
      <c r="P36" s="27">
        <v>31</v>
      </c>
      <c r="Q36" s="123" t="s">
        <v>27</v>
      </c>
    </row>
    <row r="37" spans="1:17" ht="19.5" customHeight="1" x14ac:dyDescent="0.15">
      <c r="A37" s="24">
        <v>32</v>
      </c>
      <c r="B37" s="25" t="s">
        <v>50</v>
      </c>
      <c r="C37" s="28">
        <v>30302</v>
      </c>
      <c r="D37" s="29">
        <v>3</v>
      </c>
      <c r="E37" s="26">
        <v>11.14</v>
      </c>
      <c r="F37" s="28">
        <v>30319</v>
      </c>
      <c r="G37" s="29">
        <v>3</v>
      </c>
      <c r="H37" s="95">
        <v>0.06</v>
      </c>
      <c r="I37" s="30">
        <v>25234</v>
      </c>
      <c r="J37" s="31">
        <v>4</v>
      </c>
      <c r="K37" s="104">
        <v>-16.77</v>
      </c>
      <c r="L37" s="32">
        <v>33654</v>
      </c>
      <c r="M37" s="33">
        <v>2</v>
      </c>
      <c r="N37" s="112">
        <v>33.369999999999997</v>
      </c>
      <c r="O37" s="34">
        <v>25122</v>
      </c>
      <c r="P37" s="27">
        <v>4</v>
      </c>
      <c r="Q37" s="120">
        <v>-25.35</v>
      </c>
    </row>
    <row r="38" spans="1:17" ht="19.5" customHeight="1" thickBot="1" x14ac:dyDescent="0.2">
      <c r="A38" s="24">
        <v>33</v>
      </c>
      <c r="B38" s="25" t="s">
        <v>51</v>
      </c>
      <c r="C38" s="57">
        <v>0</v>
      </c>
      <c r="D38" s="58">
        <v>31</v>
      </c>
      <c r="E38" s="65" t="s">
        <v>27</v>
      </c>
      <c r="F38" s="57">
        <v>0</v>
      </c>
      <c r="G38" s="58">
        <v>31</v>
      </c>
      <c r="H38" s="101" t="s">
        <v>27</v>
      </c>
      <c r="I38" s="30">
        <v>0</v>
      </c>
      <c r="J38" s="31">
        <v>33</v>
      </c>
      <c r="K38" s="108" t="s">
        <v>27</v>
      </c>
      <c r="L38" s="66">
        <v>9130</v>
      </c>
      <c r="M38" s="67">
        <v>27</v>
      </c>
      <c r="N38" s="116" t="s">
        <v>27</v>
      </c>
      <c r="O38" s="34">
        <v>14755</v>
      </c>
      <c r="P38" s="27">
        <v>17</v>
      </c>
      <c r="Q38" s="124" t="s">
        <v>27</v>
      </c>
    </row>
    <row r="39" spans="1:17" ht="19.5" customHeight="1" thickTop="1" thickBot="1" x14ac:dyDescent="0.2">
      <c r="A39" s="136" t="s">
        <v>52</v>
      </c>
      <c r="B39" s="137"/>
      <c r="C39" s="72">
        <v>17916</v>
      </c>
      <c r="D39" s="69" t="s">
        <v>27</v>
      </c>
      <c r="E39" s="68">
        <v>0.67</v>
      </c>
      <c r="F39" s="72">
        <v>19741</v>
      </c>
      <c r="G39" s="73" t="s">
        <v>27</v>
      </c>
      <c r="H39" s="102">
        <v>10.19</v>
      </c>
      <c r="I39" s="74">
        <v>18423</v>
      </c>
      <c r="J39" s="75" t="s">
        <v>27</v>
      </c>
      <c r="K39" s="109">
        <v>-6.68</v>
      </c>
      <c r="L39" s="43">
        <v>19667</v>
      </c>
      <c r="M39" s="76" t="s">
        <v>27</v>
      </c>
      <c r="N39" s="117">
        <v>6.75</v>
      </c>
      <c r="O39" s="70">
        <v>16671</v>
      </c>
      <c r="P39" s="71" t="s">
        <v>27</v>
      </c>
      <c r="Q39" s="125">
        <v>-15.23</v>
      </c>
    </row>
    <row r="40" spans="1:17" ht="19.5" customHeight="1" thickTop="1" thickBot="1" x14ac:dyDescent="0.2">
      <c r="A40" s="136" t="s">
        <v>53</v>
      </c>
      <c r="B40" s="137"/>
      <c r="C40" s="72">
        <v>13041</v>
      </c>
      <c r="D40" s="69" t="s">
        <v>27</v>
      </c>
      <c r="E40" s="68">
        <v>10.8</v>
      </c>
      <c r="F40" s="72">
        <v>11734</v>
      </c>
      <c r="G40" s="73" t="s">
        <v>27</v>
      </c>
      <c r="H40" s="102">
        <v>-10.02</v>
      </c>
      <c r="I40" s="74">
        <v>9688</v>
      </c>
      <c r="J40" s="75" t="s">
        <v>27</v>
      </c>
      <c r="K40" s="110">
        <v>-17.440000000000001</v>
      </c>
      <c r="L40" s="77">
        <v>13219</v>
      </c>
      <c r="M40" s="78" t="s">
        <v>27</v>
      </c>
      <c r="N40" s="118">
        <v>36.450000000000003</v>
      </c>
      <c r="O40" s="70">
        <v>11517</v>
      </c>
      <c r="P40" s="71" t="s">
        <v>27</v>
      </c>
      <c r="Q40" s="126">
        <v>-12.88</v>
      </c>
    </row>
    <row r="41" spans="1:17" ht="19.5" customHeight="1" thickTop="1" thickBot="1" x14ac:dyDescent="0.2">
      <c r="A41" s="138" t="s">
        <v>54</v>
      </c>
      <c r="B41" s="139"/>
      <c r="C41" s="83">
        <v>17721</v>
      </c>
      <c r="D41" s="79" t="s">
        <v>27</v>
      </c>
      <c r="E41" s="82">
        <v>0.94</v>
      </c>
      <c r="F41" s="83">
        <v>19423</v>
      </c>
      <c r="G41" s="84" t="s">
        <v>27</v>
      </c>
      <c r="H41" s="103">
        <v>9.6</v>
      </c>
      <c r="I41" s="85">
        <v>18077</v>
      </c>
      <c r="J41" s="86" t="s">
        <v>27</v>
      </c>
      <c r="K41" s="111">
        <v>-6.93</v>
      </c>
      <c r="L41" s="87">
        <v>19417</v>
      </c>
      <c r="M41" s="88" t="s">
        <v>27</v>
      </c>
      <c r="N41" s="119">
        <v>7.41</v>
      </c>
      <c r="O41" s="80">
        <v>16475</v>
      </c>
      <c r="P41" s="81" t="s">
        <v>27</v>
      </c>
      <c r="Q41" s="127">
        <v>-15.15</v>
      </c>
    </row>
    <row r="42" spans="1:17" ht="16.5" customHeight="1" x14ac:dyDescent="0.15"/>
    <row r="43" spans="1:17" ht="16.5" customHeight="1" x14ac:dyDescent="0.15"/>
    <row r="44" spans="1:17" ht="16.5" customHeight="1" x14ac:dyDescent="0.15"/>
    <row r="45" spans="1:17" ht="16.5" customHeight="1" x14ac:dyDescent="0.15"/>
    <row r="46" spans="1:17" ht="16.5" customHeight="1" x14ac:dyDescent="0.15"/>
    <row r="47" spans="1:17" ht="16.5" customHeight="1" x14ac:dyDescent="0.15"/>
  </sheetData>
  <mergeCells count="9">
    <mergeCell ref="A41:B41"/>
    <mergeCell ref="C3:E3"/>
    <mergeCell ref="F3:H3"/>
    <mergeCell ref="A3:B5"/>
    <mergeCell ref="I3:K3"/>
    <mergeCell ref="L3:N3"/>
    <mergeCell ref="O3:Q3"/>
    <mergeCell ref="A39:B39"/>
    <mergeCell ref="A40:B40"/>
  </mergeCells>
  <phoneticPr fontId="3"/>
  <printOptions horizontalCentered="1" gridLinesSet="0"/>
  <pageMargins left="0.7" right="0.7" top="0.75" bottom="0.75" header="0.3" footer="0.3"/>
  <pageSetup paperSize="9" scale="86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繰入額</vt:lpstr>
      <vt:lpstr>繰入額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4:35:52Z</cp:lastPrinted>
  <dcterms:created xsi:type="dcterms:W3CDTF">2018-03-07T23:49:56Z</dcterms:created>
  <dcterms:modified xsi:type="dcterms:W3CDTF">2018-03-09T04:36:32Z</dcterms:modified>
</cp:coreProperties>
</file>